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6\HP1906\"/>
    </mc:Choice>
  </mc:AlternateContent>
  <bookViews>
    <workbookView xWindow="0" yWindow="0" windowWidth="23040" windowHeight="9384"/>
  </bookViews>
  <sheets>
    <sheet name="jinko" sheetId="1" r:id="rId1"/>
  </sheets>
  <definedNames>
    <definedName name="_xlnm.Print_Area" localSheetId="0">jinko!$A$1:$AF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4" uniqueCount="32">
  <si>
    <t>富山市の人口</t>
  </si>
  <si>
    <t>住民基本台帳人口</t>
  </si>
  <si>
    <t>令和　　元　 年</t>
    <rPh sb="0" eb="2">
      <t>レイワ</t>
    </rPh>
    <rPh sb="4" eb="5">
      <t>ガン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元年　　月別動態別人口）</t>
    <rPh sb="1" eb="3">
      <t>レイワ</t>
    </rPh>
    <rPh sb="3" eb="4">
      <t>ガン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0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2" fillId="0" borderId="15" xfId="1" applyFont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15" xfId="1" applyFont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176" fontId="6" fillId="0" borderId="0" xfId="1" applyNumberFormat="1" applyFont="1" applyAlignment="1">
      <alignment horizontal="right" vertical="center"/>
    </xf>
    <xf numFmtId="0" fontId="6" fillId="0" borderId="0" xfId="1" applyFont="1" applyAlignment="1">
      <alignment horizontal="distributed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1" fillId="0" borderId="11" xfId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33"/>
  <sheetViews>
    <sheetView tabSelected="1" zoomScale="85" zoomScaleNormal="85" workbookViewId="0">
      <selection activeCell="M1" sqref="M1:W1"/>
    </sheetView>
  </sheetViews>
  <sheetFormatPr defaultColWidth="9" defaultRowHeight="13.2"/>
  <cols>
    <col min="1" max="1" width="3.6640625" style="1" customWidth="1"/>
    <col min="2" max="7" width="5.6640625" style="2" customWidth="1"/>
    <col min="8" max="8" width="6.2187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4" width="9" style="2"/>
    <col min="35" max="256" width="0" style="2" hidden="1" customWidth="1"/>
    <col min="257" max="257" width="3.6640625" style="2" hidden="1" customWidth="1"/>
    <col min="258" max="263" width="5.6640625" style="2" hidden="1" customWidth="1"/>
    <col min="264" max="264" width="6.21875" style="2" hidden="1" customWidth="1"/>
    <col min="265" max="272" width="5.6640625" style="2" hidden="1" customWidth="1"/>
    <col min="273" max="273" width="6.6640625" style="2" hidden="1" customWidth="1"/>
    <col min="274" max="281" width="5.6640625" style="2" hidden="1" customWidth="1"/>
    <col min="282" max="284" width="6.6640625" style="2" hidden="1" customWidth="1"/>
    <col min="285" max="288" width="8.6640625" style="2" hidden="1" customWidth="1"/>
    <col min="289" max="512" width="0" style="2" hidden="1" customWidth="1"/>
    <col min="513" max="513" width="3.6640625" style="2" hidden="1" customWidth="1"/>
    <col min="514" max="519" width="5.6640625" style="2" hidden="1" customWidth="1"/>
    <col min="520" max="520" width="6.21875" style="2" hidden="1" customWidth="1"/>
    <col min="521" max="528" width="5.6640625" style="2" hidden="1" customWidth="1"/>
    <col min="529" max="529" width="6.6640625" style="2" hidden="1" customWidth="1"/>
    <col min="530" max="537" width="5.6640625" style="2" hidden="1" customWidth="1"/>
    <col min="538" max="540" width="6.6640625" style="2" hidden="1" customWidth="1"/>
    <col min="541" max="544" width="8.6640625" style="2" hidden="1" customWidth="1"/>
    <col min="545" max="768" width="0" style="2" hidden="1" customWidth="1"/>
    <col min="769" max="769" width="3.6640625" style="2" hidden="1" customWidth="1"/>
    <col min="770" max="775" width="5.6640625" style="2" hidden="1" customWidth="1"/>
    <col min="776" max="776" width="6.21875" style="2" hidden="1" customWidth="1"/>
    <col min="777" max="784" width="5.6640625" style="2" hidden="1" customWidth="1"/>
    <col min="785" max="785" width="6.6640625" style="2" hidden="1" customWidth="1"/>
    <col min="786" max="793" width="5.6640625" style="2" hidden="1" customWidth="1"/>
    <col min="794" max="796" width="6.6640625" style="2" hidden="1" customWidth="1"/>
    <col min="797" max="800" width="8.6640625" style="2" hidden="1" customWidth="1"/>
    <col min="801" max="1024" width="0" style="2" hidden="1" customWidth="1"/>
    <col min="1025" max="1025" width="3.6640625" style="2" hidden="1" customWidth="1"/>
    <col min="1026" max="1031" width="5.6640625" style="2" hidden="1" customWidth="1"/>
    <col min="1032" max="1032" width="6.21875" style="2" hidden="1" customWidth="1"/>
    <col min="1033" max="1040" width="5.6640625" style="2" hidden="1" customWidth="1"/>
    <col min="1041" max="1041" width="6.6640625" style="2" hidden="1" customWidth="1"/>
    <col min="1042" max="1049" width="5.6640625" style="2" hidden="1" customWidth="1"/>
    <col min="1050" max="1052" width="6.6640625" style="2" hidden="1" customWidth="1"/>
    <col min="1053" max="1056" width="8.6640625" style="2" hidden="1" customWidth="1"/>
    <col min="1057" max="1280" width="0" style="2" hidden="1" customWidth="1"/>
    <col min="1281" max="1281" width="3.6640625" style="2" hidden="1" customWidth="1"/>
    <col min="1282" max="1287" width="5.6640625" style="2" hidden="1" customWidth="1"/>
    <col min="1288" max="1288" width="6.21875" style="2" hidden="1" customWidth="1"/>
    <col min="1289" max="1296" width="5.6640625" style="2" hidden="1" customWidth="1"/>
    <col min="1297" max="1297" width="6.6640625" style="2" hidden="1" customWidth="1"/>
    <col min="1298" max="1305" width="5.6640625" style="2" hidden="1" customWidth="1"/>
    <col min="1306" max="1308" width="6.6640625" style="2" hidden="1" customWidth="1"/>
    <col min="1309" max="1312" width="8.6640625" style="2" hidden="1" customWidth="1"/>
    <col min="1313" max="1536" width="0" style="2" hidden="1" customWidth="1"/>
    <col min="1537" max="1537" width="3.6640625" style="2" hidden="1" customWidth="1"/>
    <col min="1538" max="1543" width="5.6640625" style="2" hidden="1" customWidth="1"/>
    <col min="1544" max="1544" width="6.21875" style="2" hidden="1" customWidth="1"/>
    <col min="1545" max="1552" width="5.6640625" style="2" hidden="1" customWidth="1"/>
    <col min="1553" max="1553" width="6.6640625" style="2" hidden="1" customWidth="1"/>
    <col min="1554" max="1561" width="5.6640625" style="2" hidden="1" customWidth="1"/>
    <col min="1562" max="1564" width="6.6640625" style="2" hidden="1" customWidth="1"/>
    <col min="1565" max="1568" width="8.6640625" style="2" hidden="1" customWidth="1"/>
    <col min="1569" max="1792" width="0" style="2" hidden="1" customWidth="1"/>
    <col min="1793" max="1793" width="3.6640625" style="2" hidden="1" customWidth="1"/>
    <col min="1794" max="1799" width="5.6640625" style="2" hidden="1" customWidth="1"/>
    <col min="1800" max="1800" width="6.21875" style="2" hidden="1" customWidth="1"/>
    <col min="1801" max="1808" width="5.6640625" style="2" hidden="1" customWidth="1"/>
    <col min="1809" max="1809" width="6.6640625" style="2" hidden="1" customWidth="1"/>
    <col min="1810" max="1817" width="5.6640625" style="2" hidden="1" customWidth="1"/>
    <col min="1818" max="1820" width="6.6640625" style="2" hidden="1" customWidth="1"/>
    <col min="1821" max="1824" width="8.6640625" style="2" hidden="1" customWidth="1"/>
    <col min="1825" max="2048" width="0" style="2" hidden="1" customWidth="1"/>
    <col min="2049" max="2049" width="3.6640625" style="2" hidden="1" customWidth="1"/>
    <col min="2050" max="2055" width="5.6640625" style="2" hidden="1" customWidth="1"/>
    <col min="2056" max="2056" width="6.21875" style="2" hidden="1" customWidth="1"/>
    <col min="2057" max="2064" width="5.6640625" style="2" hidden="1" customWidth="1"/>
    <col min="2065" max="2065" width="6.6640625" style="2" hidden="1" customWidth="1"/>
    <col min="2066" max="2073" width="5.6640625" style="2" hidden="1" customWidth="1"/>
    <col min="2074" max="2076" width="6.6640625" style="2" hidden="1" customWidth="1"/>
    <col min="2077" max="2080" width="8.6640625" style="2" hidden="1" customWidth="1"/>
    <col min="2081" max="2304" width="0" style="2" hidden="1" customWidth="1"/>
    <col min="2305" max="2305" width="3.6640625" style="2" hidden="1" customWidth="1"/>
    <col min="2306" max="2311" width="5.6640625" style="2" hidden="1" customWidth="1"/>
    <col min="2312" max="2312" width="6.21875" style="2" hidden="1" customWidth="1"/>
    <col min="2313" max="2320" width="5.6640625" style="2" hidden="1" customWidth="1"/>
    <col min="2321" max="2321" width="6.6640625" style="2" hidden="1" customWidth="1"/>
    <col min="2322" max="2329" width="5.6640625" style="2" hidden="1" customWidth="1"/>
    <col min="2330" max="2332" width="6.6640625" style="2" hidden="1" customWidth="1"/>
    <col min="2333" max="2336" width="8.6640625" style="2" hidden="1" customWidth="1"/>
    <col min="2337" max="2560" width="0" style="2" hidden="1" customWidth="1"/>
    <col min="2561" max="2561" width="3.6640625" style="2" hidden="1" customWidth="1"/>
    <col min="2562" max="2567" width="5.6640625" style="2" hidden="1" customWidth="1"/>
    <col min="2568" max="2568" width="6.21875" style="2" hidden="1" customWidth="1"/>
    <col min="2569" max="2576" width="5.6640625" style="2" hidden="1" customWidth="1"/>
    <col min="2577" max="2577" width="6.6640625" style="2" hidden="1" customWidth="1"/>
    <col min="2578" max="2585" width="5.6640625" style="2" hidden="1" customWidth="1"/>
    <col min="2586" max="2588" width="6.6640625" style="2" hidden="1" customWidth="1"/>
    <col min="2589" max="2592" width="8.6640625" style="2" hidden="1" customWidth="1"/>
    <col min="2593" max="2816" width="0" style="2" hidden="1" customWidth="1"/>
    <col min="2817" max="2817" width="3.6640625" style="2" hidden="1" customWidth="1"/>
    <col min="2818" max="2823" width="5.6640625" style="2" hidden="1" customWidth="1"/>
    <col min="2824" max="2824" width="6.21875" style="2" hidden="1" customWidth="1"/>
    <col min="2825" max="2832" width="5.6640625" style="2" hidden="1" customWidth="1"/>
    <col min="2833" max="2833" width="6.6640625" style="2" hidden="1" customWidth="1"/>
    <col min="2834" max="2841" width="5.6640625" style="2" hidden="1" customWidth="1"/>
    <col min="2842" max="2844" width="6.6640625" style="2" hidden="1" customWidth="1"/>
    <col min="2845" max="2848" width="8.6640625" style="2" hidden="1" customWidth="1"/>
    <col min="2849" max="3072" width="0" style="2" hidden="1" customWidth="1"/>
    <col min="3073" max="3073" width="3.6640625" style="2" hidden="1" customWidth="1"/>
    <col min="3074" max="3079" width="5.6640625" style="2" hidden="1" customWidth="1"/>
    <col min="3080" max="3080" width="6.21875" style="2" hidden="1" customWidth="1"/>
    <col min="3081" max="3088" width="5.6640625" style="2" hidden="1" customWidth="1"/>
    <col min="3089" max="3089" width="6.6640625" style="2" hidden="1" customWidth="1"/>
    <col min="3090" max="3097" width="5.6640625" style="2" hidden="1" customWidth="1"/>
    <col min="3098" max="3100" width="6.6640625" style="2" hidden="1" customWidth="1"/>
    <col min="3101" max="3104" width="8.6640625" style="2" hidden="1" customWidth="1"/>
    <col min="3105" max="3328" width="0" style="2" hidden="1" customWidth="1"/>
    <col min="3329" max="3329" width="3.6640625" style="2" hidden="1" customWidth="1"/>
    <col min="3330" max="3335" width="5.6640625" style="2" hidden="1" customWidth="1"/>
    <col min="3336" max="3336" width="6.21875" style="2" hidden="1" customWidth="1"/>
    <col min="3337" max="3344" width="5.6640625" style="2" hidden="1" customWidth="1"/>
    <col min="3345" max="3345" width="6.6640625" style="2" hidden="1" customWidth="1"/>
    <col min="3346" max="3353" width="5.6640625" style="2" hidden="1" customWidth="1"/>
    <col min="3354" max="3356" width="6.6640625" style="2" hidden="1" customWidth="1"/>
    <col min="3357" max="3360" width="8.6640625" style="2" hidden="1" customWidth="1"/>
    <col min="3361" max="3584" width="0" style="2" hidden="1" customWidth="1"/>
    <col min="3585" max="3585" width="3.6640625" style="2" hidden="1" customWidth="1"/>
    <col min="3586" max="3591" width="5.6640625" style="2" hidden="1" customWidth="1"/>
    <col min="3592" max="3592" width="6.21875" style="2" hidden="1" customWidth="1"/>
    <col min="3593" max="3600" width="5.6640625" style="2" hidden="1" customWidth="1"/>
    <col min="3601" max="3601" width="6.6640625" style="2" hidden="1" customWidth="1"/>
    <col min="3602" max="3609" width="5.6640625" style="2" hidden="1" customWidth="1"/>
    <col min="3610" max="3612" width="6.6640625" style="2" hidden="1" customWidth="1"/>
    <col min="3613" max="3616" width="8.6640625" style="2" hidden="1" customWidth="1"/>
    <col min="3617" max="3840" width="0" style="2" hidden="1" customWidth="1"/>
    <col min="3841" max="3841" width="3.6640625" style="2" hidden="1" customWidth="1"/>
    <col min="3842" max="3847" width="5.6640625" style="2" hidden="1" customWidth="1"/>
    <col min="3848" max="3848" width="6.21875" style="2" hidden="1" customWidth="1"/>
    <col min="3849" max="3856" width="5.6640625" style="2" hidden="1" customWidth="1"/>
    <col min="3857" max="3857" width="6.6640625" style="2" hidden="1" customWidth="1"/>
    <col min="3858" max="3865" width="5.6640625" style="2" hidden="1" customWidth="1"/>
    <col min="3866" max="3868" width="6.6640625" style="2" hidden="1" customWidth="1"/>
    <col min="3869" max="3872" width="8.6640625" style="2" hidden="1" customWidth="1"/>
    <col min="3873" max="4096" width="0" style="2" hidden="1" customWidth="1"/>
    <col min="4097" max="4097" width="3.6640625" style="2" hidden="1" customWidth="1"/>
    <col min="4098" max="4103" width="5.6640625" style="2" hidden="1" customWidth="1"/>
    <col min="4104" max="4104" width="6.21875" style="2" hidden="1" customWidth="1"/>
    <col min="4105" max="4112" width="5.6640625" style="2" hidden="1" customWidth="1"/>
    <col min="4113" max="4113" width="6.6640625" style="2" hidden="1" customWidth="1"/>
    <col min="4114" max="4121" width="5.6640625" style="2" hidden="1" customWidth="1"/>
    <col min="4122" max="4124" width="6.6640625" style="2" hidden="1" customWidth="1"/>
    <col min="4125" max="4128" width="8.6640625" style="2" hidden="1" customWidth="1"/>
    <col min="4129" max="4352" width="0" style="2" hidden="1" customWidth="1"/>
    <col min="4353" max="4353" width="3.6640625" style="2" hidden="1" customWidth="1"/>
    <col min="4354" max="4359" width="5.6640625" style="2" hidden="1" customWidth="1"/>
    <col min="4360" max="4360" width="6.21875" style="2" hidden="1" customWidth="1"/>
    <col min="4361" max="4368" width="5.6640625" style="2" hidden="1" customWidth="1"/>
    <col min="4369" max="4369" width="6.6640625" style="2" hidden="1" customWidth="1"/>
    <col min="4370" max="4377" width="5.6640625" style="2" hidden="1" customWidth="1"/>
    <col min="4378" max="4380" width="6.6640625" style="2" hidden="1" customWidth="1"/>
    <col min="4381" max="4384" width="8.6640625" style="2" hidden="1" customWidth="1"/>
    <col min="4385" max="4608" width="0" style="2" hidden="1" customWidth="1"/>
    <col min="4609" max="4609" width="3.6640625" style="2" hidden="1" customWidth="1"/>
    <col min="4610" max="4615" width="5.6640625" style="2" hidden="1" customWidth="1"/>
    <col min="4616" max="4616" width="6.21875" style="2" hidden="1" customWidth="1"/>
    <col min="4617" max="4624" width="5.6640625" style="2" hidden="1" customWidth="1"/>
    <col min="4625" max="4625" width="6.6640625" style="2" hidden="1" customWidth="1"/>
    <col min="4626" max="4633" width="5.6640625" style="2" hidden="1" customWidth="1"/>
    <col min="4634" max="4636" width="6.6640625" style="2" hidden="1" customWidth="1"/>
    <col min="4637" max="4640" width="8.6640625" style="2" hidden="1" customWidth="1"/>
    <col min="4641" max="4864" width="0" style="2" hidden="1" customWidth="1"/>
    <col min="4865" max="4865" width="3.6640625" style="2" hidden="1" customWidth="1"/>
    <col min="4866" max="4871" width="5.6640625" style="2" hidden="1" customWidth="1"/>
    <col min="4872" max="4872" width="6.21875" style="2" hidden="1" customWidth="1"/>
    <col min="4873" max="4880" width="5.6640625" style="2" hidden="1" customWidth="1"/>
    <col min="4881" max="4881" width="6.6640625" style="2" hidden="1" customWidth="1"/>
    <col min="4882" max="4889" width="5.6640625" style="2" hidden="1" customWidth="1"/>
    <col min="4890" max="4892" width="6.6640625" style="2" hidden="1" customWidth="1"/>
    <col min="4893" max="4896" width="8.6640625" style="2" hidden="1" customWidth="1"/>
    <col min="4897" max="5120" width="0" style="2" hidden="1" customWidth="1"/>
    <col min="5121" max="5121" width="3.6640625" style="2" hidden="1" customWidth="1"/>
    <col min="5122" max="5127" width="5.6640625" style="2" hidden="1" customWidth="1"/>
    <col min="5128" max="5128" width="6.21875" style="2" hidden="1" customWidth="1"/>
    <col min="5129" max="5136" width="5.6640625" style="2" hidden="1" customWidth="1"/>
    <col min="5137" max="5137" width="6.6640625" style="2" hidden="1" customWidth="1"/>
    <col min="5138" max="5145" width="5.6640625" style="2" hidden="1" customWidth="1"/>
    <col min="5146" max="5148" width="6.6640625" style="2" hidden="1" customWidth="1"/>
    <col min="5149" max="5152" width="8.6640625" style="2" hidden="1" customWidth="1"/>
    <col min="5153" max="5376" width="0" style="2" hidden="1" customWidth="1"/>
    <col min="5377" max="5377" width="3.6640625" style="2" hidden="1" customWidth="1"/>
    <col min="5378" max="5383" width="5.6640625" style="2" hidden="1" customWidth="1"/>
    <col min="5384" max="5384" width="6.21875" style="2" hidden="1" customWidth="1"/>
    <col min="5385" max="5392" width="5.6640625" style="2" hidden="1" customWidth="1"/>
    <col min="5393" max="5393" width="6.6640625" style="2" hidden="1" customWidth="1"/>
    <col min="5394" max="5401" width="5.6640625" style="2" hidden="1" customWidth="1"/>
    <col min="5402" max="5404" width="6.6640625" style="2" hidden="1" customWidth="1"/>
    <col min="5405" max="5408" width="8.6640625" style="2" hidden="1" customWidth="1"/>
    <col min="5409" max="5632" width="0" style="2" hidden="1" customWidth="1"/>
    <col min="5633" max="5633" width="3.6640625" style="2" hidden="1" customWidth="1"/>
    <col min="5634" max="5639" width="5.6640625" style="2" hidden="1" customWidth="1"/>
    <col min="5640" max="5640" width="6.21875" style="2" hidden="1" customWidth="1"/>
    <col min="5641" max="5648" width="5.6640625" style="2" hidden="1" customWidth="1"/>
    <col min="5649" max="5649" width="6.6640625" style="2" hidden="1" customWidth="1"/>
    <col min="5650" max="5657" width="5.6640625" style="2" hidden="1" customWidth="1"/>
    <col min="5658" max="5660" width="6.6640625" style="2" hidden="1" customWidth="1"/>
    <col min="5661" max="5664" width="8.6640625" style="2" hidden="1" customWidth="1"/>
    <col min="5665" max="5888" width="0" style="2" hidden="1" customWidth="1"/>
    <col min="5889" max="5889" width="3.6640625" style="2" hidden="1" customWidth="1"/>
    <col min="5890" max="5895" width="5.6640625" style="2" hidden="1" customWidth="1"/>
    <col min="5896" max="5896" width="6.21875" style="2" hidden="1" customWidth="1"/>
    <col min="5897" max="5904" width="5.6640625" style="2" hidden="1" customWidth="1"/>
    <col min="5905" max="5905" width="6.6640625" style="2" hidden="1" customWidth="1"/>
    <col min="5906" max="5913" width="5.6640625" style="2" hidden="1" customWidth="1"/>
    <col min="5914" max="5916" width="6.6640625" style="2" hidden="1" customWidth="1"/>
    <col min="5917" max="5920" width="8.6640625" style="2" hidden="1" customWidth="1"/>
    <col min="5921" max="6144" width="0" style="2" hidden="1" customWidth="1"/>
    <col min="6145" max="6145" width="3.6640625" style="2" hidden="1" customWidth="1"/>
    <col min="6146" max="6151" width="5.6640625" style="2" hidden="1" customWidth="1"/>
    <col min="6152" max="6152" width="6.21875" style="2" hidden="1" customWidth="1"/>
    <col min="6153" max="6160" width="5.6640625" style="2" hidden="1" customWidth="1"/>
    <col min="6161" max="6161" width="6.6640625" style="2" hidden="1" customWidth="1"/>
    <col min="6162" max="6169" width="5.6640625" style="2" hidden="1" customWidth="1"/>
    <col min="6170" max="6172" width="6.6640625" style="2" hidden="1" customWidth="1"/>
    <col min="6173" max="6176" width="8.6640625" style="2" hidden="1" customWidth="1"/>
    <col min="6177" max="6400" width="0" style="2" hidden="1" customWidth="1"/>
    <col min="6401" max="6401" width="3.6640625" style="2" hidden="1" customWidth="1"/>
    <col min="6402" max="6407" width="5.6640625" style="2" hidden="1" customWidth="1"/>
    <col min="6408" max="6408" width="6.21875" style="2" hidden="1" customWidth="1"/>
    <col min="6409" max="6416" width="5.6640625" style="2" hidden="1" customWidth="1"/>
    <col min="6417" max="6417" width="6.6640625" style="2" hidden="1" customWidth="1"/>
    <col min="6418" max="6425" width="5.6640625" style="2" hidden="1" customWidth="1"/>
    <col min="6426" max="6428" width="6.6640625" style="2" hidden="1" customWidth="1"/>
    <col min="6429" max="6432" width="8.6640625" style="2" hidden="1" customWidth="1"/>
    <col min="6433" max="6656" width="0" style="2" hidden="1" customWidth="1"/>
    <col min="6657" max="6657" width="3.6640625" style="2" hidden="1" customWidth="1"/>
    <col min="6658" max="6663" width="5.6640625" style="2" hidden="1" customWidth="1"/>
    <col min="6664" max="6664" width="6.21875" style="2" hidden="1" customWidth="1"/>
    <col min="6665" max="6672" width="5.6640625" style="2" hidden="1" customWidth="1"/>
    <col min="6673" max="6673" width="6.6640625" style="2" hidden="1" customWidth="1"/>
    <col min="6674" max="6681" width="5.6640625" style="2" hidden="1" customWidth="1"/>
    <col min="6682" max="6684" width="6.6640625" style="2" hidden="1" customWidth="1"/>
    <col min="6685" max="6688" width="8.6640625" style="2" hidden="1" customWidth="1"/>
    <col min="6689" max="6912" width="0" style="2" hidden="1" customWidth="1"/>
    <col min="6913" max="6913" width="3.6640625" style="2" hidden="1" customWidth="1"/>
    <col min="6914" max="6919" width="5.6640625" style="2" hidden="1" customWidth="1"/>
    <col min="6920" max="6920" width="6.21875" style="2" hidden="1" customWidth="1"/>
    <col min="6921" max="6928" width="5.6640625" style="2" hidden="1" customWidth="1"/>
    <col min="6929" max="6929" width="6.6640625" style="2" hidden="1" customWidth="1"/>
    <col min="6930" max="6937" width="5.6640625" style="2" hidden="1" customWidth="1"/>
    <col min="6938" max="6940" width="6.6640625" style="2" hidden="1" customWidth="1"/>
    <col min="6941" max="6944" width="8.6640625" style="2" hidden="1" customWidth="1"/>
    <col min="6945" max="7168" width="0" style="2" hidden="1" customWidth="1"/>
    <col min="7169" max="7169" width="3.6640625" style="2" hidden="1" customWidth="1"/>
    <col min="7170" max="7175" width="5.6640625" style="2" hidden="1" customWidth="1"/>
    <col min="7176" max="7176" width="6.21875" style="2" hidden="1" customWidth="1"/>
    <col min="7177" max="7184" width="5.6640625" style="2" hidden="1" customWidth="1"/>
    <col min="7185" max="7185" width="6.6640625" style="2" hidden="1" customWidth="1"/>
    <col min="7186" max="7193" width="5.6640625" style="2" hidden="1" customWidth="1"/>
    <col min="7194" max="7196" width="6.6640625" style="2" hidden="1" customWidth="1"/>
    <col min="7197" max="7200" width="8.6640625" style="2" hidden="1" customWidth="1"/>
    <col min="7201" max="7424" width="0" style="2" hidden="1" customWidth="1"/>
    <col min="7425" max="7425" width="3.6640625" style="2" hidden="1" customWidth="1"/>
    <col min="7426" max="7431" width="5.6640625" style="2" hidden="1" customWidth="1"/>
    <col min="7432" max="7432" width="6.21875" style="2" hidden="1" customWidth="1"/>
    <col min="7433" max="7440" width="5.6640625" style="2" hidden="1" customWidth="1"/>
    <col min="7441" max="7441" width="6.6640625" style="2" hidden="1" customWidth="1"/>
    <col min="7442" max="7449" width="5.6640625" style="2" hidden="1" customWidth="1"/>
    <col min="7450" max="7452" width="6.6640625" style="2" hidden="1" customWidth="1"/>
    <col min="7453" max="7456" width="8.6640625" style="2" hidden="1" customWidth="1"/>
    <col min="7457" max="7680" width="0" style="2" hidden="1" customWidth="1"/>
    <col min="7681" max="7681" width="3.6640625" style="2" hidden="1" customWidth="1"/>
    <col min="7682" max="7687" width="5.6640625" style="2" hidden="1" customWidth="1"/>
    <col min="7688" max="7688" width="6.21875" style="2" hidden="1" customWidth="1"/>
    <col min="7689" max="7696" width="5.6640625" style="2" hidden="1" customWidth="1"/>
    <col min="7697" max="7697" width="6.6640625" style="2" hidden="1" customWidth="1"/>
    <col min="7698" max="7705" width="5.6640625" style="2" hidden="1" customWidth="1"/>
    <col min="7706" max="7708" width="6.6640625" style="2" hidden="1" customWidth="1"/>
    <col min="7709" max="7712" width="8.6640625" style="2" hidden="1" customWidth="1"/>
    <col min="7713" max="7936" width="0" style="2" hidden="1" customWidth="1"/>
    <col min="7937" max="7937" width="3.6640625" style="2" hidden="1" customWidth="1"/>
    <col min="7938" max="7943" width="5.6640625" style="2" hidden="1" customWidth="1"/>
    <col min="7944" max="7944" width="6.21875" style="2" hidden="1" customWidth="1"/>
    <col min="7945" max="7952" width="5.6640625" style="2" hidden="1" customWidth="1"/>
    <col min="7953" max="7953" width="6.6640625" style="2" hidden="1" customWidth="1"/>
    <col min="7954" max="7961" width="5.6640625" style="2" hidden="1" customWidth="1"/>
    <col min="7962" max="7964" width="6.6640625" style="2" hidden="1" customWidth="1"/>
    <col min="7965" max="7968" width="8.6640625" style="2" hidden="1" customWidth="1"/>
    <col min="7969" max="8192" width="0" style="2" hidden="1" customWidth="1"/>
    <col min="8193" max="8193" width="3.6640625" style="2" hidden="1" customWidth="1"/>
    <col min="8194" max="8199" width="5.6640625" style="2" hidden="1" customWidth="1"/>
    <col min="8200" max="8200" width="6.21875" style="2" hidden="1" customWidth="1"/>
    <col min="8201" max="8208" width="5.6640625" style="2" hidden="1" customWidth="1"/>
    <col min="8209" max="8209" width="6.6640625" style="2" hidden="1" customWidth="1"/>
    <col min="8210" max="8217" width="5.6640625" style="2" hidden="1" customWidth="1"/>
    <col min="8218" max="8220" width="6.6640625" style="2" hidden="1" customWidth="1"/>
    <col min="8221" max="8224" width="8.6640625" style="2" hidden="1" customWidth="1"/>
    <col min="8225" max="8448" width="0" style="2" hidden="1" customWidth="1"/>
    <col min="8449" max="8449" width="3.6640625" style="2" hidden="1" customWidth="1"/>
    <col min="8450" max="8455" width="5.6640625" style="2" hidden="1" customWidth="1"/>
    <col min="8456" max="8456" width="6.21875" style="2" hidden="1" customWidth="1"/>
    <col min="8457" max="8464" width="5.6640625" style="2" hidden="1" customWidth="1"/>
    <col min="8465" max="8465" width="6.6640625" style="2" hidden="1" customWidth="1"/>
    <col min="8466" max="8473" width="5.6640625" style="2" hidden="1" customWidth="1"/>
    <col min="8474" max="8476" width="6.6640625" style="2" hidden="1" customWidth="1"/>
    <col min="8477" max="8480" width="8.6640625" style="2" hidden="1" customWidth="1"/>
    <col min="8481" max="8704" width="0" style="2" hidden="1" customWidth="1"/>
    <col min="8705" max="8705" width="3.6640625" style="2" hidden="1" customWidth="1"/>
    <col min="8706" max="8711" width="5.6640625" style="2" hidden="1" customWidth="1"/>
    <col min="8712" max="8712" width="6.21875" style="2" hidden="1" customWidth="1"/>
    <col min="8713" max="8720" width="5.6640625" style="2" hidden="1" customWidth="1"/>
    <col min="8721" max="8721" width="6.6640625" style="2" hidden="1" customWidth="1"/>
    <col min="8722" max="8729" width="5.6640625" style="2" hidden="1" customWidth="1"/>
    <col min="8730" max="8732" width="6.6640625" style="2" hidden="1" customWidth="1"/>
    <col min="8733" max="8736" width="8.6640625" style="2" hidden="1" customWidth="1"/>
    <col min="8737" max="8960" width="0" style="2" hidden="1" customWidth="1"/>
    <col min="8961" max="8961" width="3.6640625" style="2" hidden="1" customWidth="1"/>
    <col min="8962" max="8967" width="5.6640625" style="2" hidden="1" customWidth="1"/>
    <col min="8968" max="8968" width="6.21875" style="2" hidden="1" customWidth="1"/>
    <col min="8969" max="8976" width="5.6640625" style="2" hidden="1" customWidth="1"/>
    <col min="8977" max="8977" width="6.6640625" style="2" hidden="1" customWidth="1"/>
    <col min="8978" max="8985" width="5.6640625" style="2" hidden="1" customWidth="1"/>
    <col min="8986" max="8988" width="6.6640625" style="2" hidden="1" customWidth="1"/>
    <col min="8989" max="8992" width="8.6640625" style="2" hidden="1" customWidth="1"/>
    <col min="8993" max="9216" width="0" style="2" hidden="1" customWidth="1"/>
    <col min="9217" max="9217" width="3.6640625" style="2" hidden="1" customWidth="1"/>
    <col min="9218" max="9223" width="5.6640625" style="2" hidden="1" customWidth="1"/>
    <col min="9224" max="9224" width="6.21875" style="2" hidden="1" customWidth="1"/>
    <col min="9225" max="9232" width="5.6640625" style="2" hidden="1" customWidth="1"/>
    <col min="9233" max="9233" width="6.6640625" style="2" hidden="1" customWidth="1"/>
    <col min="9234" max="9241" width="5.6640625" style="2" hidden="1" customWidth="1"/>
    <col min="9242" max="9244" width="6.6640625" style="2" hidden="1" customWidth="1"/>
    <col min="9245" max="9248" width="8.6640625" style="2" hidden="1" customWidth="1"/>
    <col min="9249" max="9472" width="0" style="2" hidden="1" customWidth="1"/>
    <col min="9473" max="9473" width="3.6640625" style="2" hidden="1" customWidth="1"/>
    <col min="9474" max="9479" width="5.6640625" style="2" hidden="1" customWidth="1"/>
    <col min="9480" max="9480" width="6.21875" style="2" hidden="1" customWidth="1"/>
    <col min="9481" max="9488" width="5.6640625" style="2" hidden="1" customWidth="1"/>
    <col min="9489" max="9489" width="6.6640625" style="2" hidden="1" customWidth="1"/>
    <col min="9490" max="9497" width="5.6640625" style="2" hidden="1" customWidth="1"/>
    <col min="9498" max="9500" width="6.6640625" style="2" hidden="1" customWidth="1"/>
    <col min="9501" max="9504" width="8.6640625" style="2" hidden="1" customWidth="1"/>
    <col min="9505" max="9728" width="0" style="2" hidden="1" customWidth="1"/>
    <col min="9729" max="9729" width="3.6640625" style="2" hidden="1" customWidth="1"/>
    <col min="9730" max="9735" width="5.6640625" style="2" hidden="1" customWidth="1"/>
    <col min="9736" max="9736" width="6.21875" style="2" hidden="1" customWidth="1"/>
    <col min="9737" max="9744" width="5.6640625" style="2" hidden="1" customWidth="1"/>
    <col min="9745" max="9745" width="6.6640625" style="2" hidden="1" customWidth="1"/>
    <col min="9746" max="9753" width="5.6640625" style="2" hidden="1" customWidth="1"/>
    <col min="9754" max="9756" width="6.6640625" style="2" hidden="1" customWidth="1"/>
    <col min="9757" max="9760" width="8.6640625" style="2" hidden="1" customWidth="1"/>
    <col min="9761" max="9984" width="0" style="2" hidden="1" customWidth="1"/>
    <col min="9985" max="9985" width="3.6640625" style="2" hidden="1" customWidth="1"/>
    <col min="9986" max="9991" width="5.6640625" style="2" hidden="1" customWidth="1"/>
    <col min="9992" max="9992" width="6.21875" style="2" hidden="1" customWidth="1"/>
    <col min="9993" max="10000" width="5.6640625" style="2" hidden="1" customWidth="1"/>
    <col min="10001" max="10001" width="6.6640625" style="2" hidden="1" customWidth="1"/>
    <col min="10002" max="10009" width="5.6640625" style="2" hidden="1" customWidth="1"/>
    <col min="10010" max="10012" width="6.6640625" style="2" hidden="1" customWidth="1"/>
    <col min="10013" max="10016" width="8.6640625" style="2" hidden="1" customWidth="1"/>
    <col min="10017" max="10240" width="0" style="2" hidden="1" customWidth="1"/>
    <col min="10241" max="10241" width="3.6640625" style="2" hidden="1" customWidth="1"/>
    <col min="10242" max="10247" width="5.6640625" style="2" hidden="1" customWidth="1"/>
    <col min="10248" max="10248" width="6.21875" style="2" hidden="1" customWidth="1"/>
    <col min="10249" max="10256" width="5.6640625" style="2" hidden="1" customWidth="1"/>
    <col min="10257" max="10257" width="6.6640625" style="2" hidden="1" customWidth="1"/>
    <col min="10258" max="10265" width="5.6640625" style="2" hidden="1" customWidth="1"/>
    <col min="10266" max="10268" width="6.6640625" style="2" hidden="1" customWidth="1"/>
    <col min="10269" max="10272" width="8.6640625" style="2" hidden="1" customWidth="1"/>
    <col min="10273" max="10496" width="0" style="2" hidden="1" customWidth="1"/>
    <col min="10497" max="10497" width="3.6640625" style="2" hidden="1" customWidth="1"/>
    <col min="10498" max="10503" width="5.6640625" style="2" hidden="1" customWidth="1"/>
    <col min="10504" max="10504" width="6.21875" style="2" hidden="1" customWidth="1"/>
    <col min="10505" max="10512" width="5.6640625" style="2" hidden="1" customWidth="1"/>
    <col min="10513" max="10513" width="6.6640625" style="2" hidden="1" customWidth="1"/>
    <col min="10514" max="10521" width="5.6640625" style="2" hidden="1" customWidth="1"/>
    <col min="10522" max="10524" width="6.6640625" style="2" hidden="1" customWidth="1"/>
    <col min="10525" max="10528" width="8.6640625" style="2" hidden="1" customWidth="1"/>
    <col min="10529" max="10752" width="0" style="2" hidden="1" customWidth="1"/>
    <col min="10753" max="10753" width="3.6640625" style="2" hidden="1" customWidth="1"/>
    <col min="10754" max="10759" width="5.6640625" style="2" hidden="1" customWidth="1"/>
    <col min="10760" max="10760" width="6.21875" style="2" hidden="1" customWidth="1"/>
    <col min="10761" max="10768" width="5.6640625" style="2" hidden="1" customWidth="1"/>
    <col min="10769" max="10769" width="6.6640625" style="2" hidden="1" customWidth="1"/>
    <col min="10770" max="10777" width="5.6640625" style="2" hidden="1" customWidth="1"/>
    <col min="10778" max="10780" width="6.6640625" style="2" hidden="1" customWidth="1"/>
    <col min="10781" max="10784" width="8.6640625" style="2" hidden="1" customWidth="1"/>
    <col min="10785" max="11008" width="0" style="2" hidden="1" customWidth="1"/>
    <col min="11009" max="11009" width="3.6640625" style="2" hidden="1" customWidth="1"/>
    <col min="11010" max="11015" width="5.6640625" style="2" hidden="1" customWidth="1"/>
    <col min="11016" max="11016" width="6.21875" style="2" hidden="1" customWidth="1"/>
    <col min="11017" max="11024" width="5.6640625" style="2" hidden="1" customWidth="1"/>
    <col min="11025" max="11025" width="6.6640625" style="2" hidden="1" customWidth="1"/>
    <col min="11026" max="11033" width="5.6640625" style="2" hidden="1" customWidth="1"/>
    <col min="11034" max="11036" width="6.6640625" style="2" hidden="1" customWidth="1"/>
    <col min="11037" max="11040" width="8.6640625" style="2" hidden="1" customWidth="1"/>
    <col min="11041" max="11264" width="0" style="2" hidden="1" customWidth="1"/>
    <col min="11265" max="11265" width="3.6640625" style="2" hidden="1" customWidth="1"/>
    <col min="11266" max="11271" width="5.6640625" style="2" hidden="1" customWidth="1"/>
    <col min="11272" max="11272" width="6.21875" style="2" hidden="1" customWidth="1"/>
    <col min="11273" max="11280" width="5.6640625" style="2" hidden="1" customWidth="1"/>
    <col min="11281" max="11281" width="6.6640625" style="2" hidden="1" customWidth="1"/>
    <col min="11282" max="11289" width="5.6640625" style="2" hidden="1" customWidth="1"/>
    <col min="11290" max="11292" width="6.6640625" style="2" hidden="1" customWidth="1"/>
    <col min="11293" max="11296" width="8.6640625" style="2" hidden="1" customWidth="1"/>
    <col min="11297" max="11520" width="0" style="2" hidden="1" customWidth="1"/>
    <col min="11521" max="11521" width="3.6640625" style="2" hidden="1" customWidth="1"/>
    <col min="11522" max="11527" width="5.6640625" style="2" hidden="1" customWidth="1"/>
    <col min="11528" max="11528" width="6.21875" style="2" hidden="1" customWidth="1"/>
    <col min="11529" max="11536" width="5.6640625" style="2" hidden="1" customWidth="1"/>
    <col min="11537" max="11537" width="6.6640625" style="2" hidden="1" customWidth="1"/>
    <col min="11538" max="11545" width="5.6640625" style="2" hidden="1" customWidth="1"/>
    <col min="11546" max="11548" width="6.6640625" style="2" hidden="1" customWidth="1"/>
    <col min="11549" max="11552" width="8.6640625" style="2" hidden="1" customWidth="1"/>
    <col min="11553" max="11776" width="0" style="2" hidden="1" customWidth="1"/>
    <col min="11777" max="11777" width="3.6640625" style="2" hidden="1" customWidth="1"/>
    <col min="11778" max="11783" width="5.6640625" style="2" hidden="1" customWidth="1"/>
    <col min="11784" max="11784" width="6.21875" style="2" hidden="1" customWidth="1"/>
    <col min="11785" max="11792" width="5.6640625" style="2" hidden="1" customWidth="1"/>
    <col min="11793" max="11793" width="6.6640625" style="2" hidden="1" customWidth="1"/>
    <col min="11794" max="11801" width="5.6640625" style="2" hidden="1" customWidth="1"/>
    <col min="11802" max="11804" width="6.6640625" style="2" hidden="1" customWidth="1"/>
    <col min="11805" max="11808" width="8.6640625" style="2" hidden="1" customWidth="1"/>
    <col min="11809" max="12032" width="0" style="2" hidden="1" customWidth="1"/>
    <col min="12033" max="12033" width="3.6640625" style="2" hidden="1" customWidth="1"/>
    <col min="12034" max="12039" width="5.6640625" style="2" hidden="1" customWidth="1"/>
    <col min="12040" max="12040" width="6.21875" style="2" hidden="1" customWidth="1"/>
    <col min="12041" max="12048" width="5.6640625" style="2" hidden="1" customWidth="1"/>
    <col min="12049" max="12049" width="6.6640625" style="2" hidden="1" customWidth="1"/>
    <col min="12050" max="12057" width="5.6640625" style="2" hidden="1" customWidth="1"/>
    <col min="12058" max="12060" width="6.6640625" style="2" hidden="1" customWidth="1"/>
    <col min="12061" max="12064" width="8.6640625" style="2" hidden="1" customWidth="1"/>
    <col min="12065" max="12288" width="0" style="2" hidden="1" customWidth="1"/>
    <col min="12289" max="12289" width="3.6640625" style="2" hidden="1" customWidth="1"/>
    <col min="12290" max="12295" width="5.6640625" style="2" hidden="1" customWidth="1"/>
    <col min="12296" max="12296" width="6.21875" style="2" hidden="1" customWidth="1"/>
    <col min="12297" max="12304" width="5.6640625" style="2" hidden="1" customWidth="1"/>
    <col min="12305" max="12305" width="6.6640625" style="2" hidden="1" customWidth="1"/>
    <col min="12306" max="12313" width="5.6640625" style="2" hidden="1" customWidth="1"/>
    <col min="12314" max="12316" width="6.6640625" style="2" hidden="1" customWidth="1"/>
    <col min="12317" max="12320" width="8.6640625" style="2" hidden="1" customWidth="1"/>
    <col min="12321" max="12544" width="0" style="2" hidden="1" customWidth="1"/>
    <col min="12545" max="12545" width="3.6640625" style="2" hidden="1" customWidth="1"/>
    <col min="12546" max="12551" width="5.6640625" style="2" hidden="1" customWidth="1"/>
    <col min="12552" max="12552" width="6.21875" style="2" hidden="1" customWidth="1"/>
    <col min="12553" max="12560" width="5.6640625" style="2" hidden="1" customWidth="1"/>
    <col min="12561" max="12561" width="6.6640625" style="2" hidden="1" customWidth="1"/>
    <col min="12562" max="12569" width="5.6640625" style="2" hidden="1" customWidth="1"/>
    <col min="12570" max="12572" width="6.6640625" style="2" hidden="1" customWidth="1"/>
    <col min="12573" max="12576" width="8.6640625" style="2" hidden="1" customWidth="1"/>
    <col min="12577" max="12800" width="0" style="2" hidden="1" customWidth="1"/>
    <col min="12801" max="12801" width="3.6640625" style="2" hidden="1" customWidth="1"/>
    <col min="12802" max="12807" width="5.6640625" style="2" hidden="1" customWidth="1"/>
    <col min="12808" max="12808" width="6.21875" style="2" hidden="1" customWidth="1"/>
    <col min="12809" max="12816" width="5.6640625" style="2" hidden="1" customWidth="1"/>
    <col min="12817" max="12817" width="6.6640625" style="2" hidden="1" customWidth="1"/>
    <col min="12818" max="12825" width="5.6640625" style="2" hidden="1" customWidth="1"/>
    <col min="12826" max="12828" width="6.6640625" style="2" hidden="1" customWidth="1"/>
    <col min="12829" max="12832" width="8.6640625" style="2" hidden="1" customWidth="1"/>
    <col min="12833" max="13056" width="0" style="2" hidden="1" customWidth="1"/>
    <col min="13057" max="13057" width="3.6640625" style="2" hidden="1" customWidth="1"/>
    <col min="13058" max="13063" width="5.6640625" style="2" hidden="1" customWidth="1"/>
    <col min="13064" max="13064" width="6.21875" style="2" hidden="1" customWidth="1"/>
    <col min="13065" max="13072" width="5.6640625" style="2" hidden="1" customWidth="1"/>
    <col min="13073" max="13073" width="6.6640625" style="2" hidden="1" customWidth="1"/>
    <col min="13074" max="13081" width="5.6640625" style="2" hidden="1" customWidth="1"/>
    <col min="13082" max="13084" width="6.6640625" style="2" hidden="1" customWidth="1"/>
    <col min="13085" max="13088" width="8.6640625" style="2" hidden="1" customWidth="1"/>
    <col min="13089" max="13312" width="0" style="2" hidden="1" customWidth="1"/>
    <col min="13313" max="13313" width="3.6640625" style="2" hidden="1" customWidth="1"/>
    <col min="13314" max="13319" width="5.6640625" style="2" hidden="1" customWidth="1"/>
    <col min="13320" max="13320" width="6.21875" style="2" hidden="1" customWidth="1"/>
    <col min="13321" max="13328" width="5.6640625" style="2" hidden="1" customWidth="1"/>
    <col min="13329" max="13329" width="6.6640625" style="2" hidden="1" customWidth="1"/>
    <col min="13330" max="13337" width="5.6640625" style="2" hidden="1" customWidth="1"/>
    <col min="13338" max="13340" width="6.6640625" style="2" hidden="1" customWidth="1"/>
    <col min="13341" max="13344" width="8.6640625" style="2" hidden="1" customWidth="1"/>
    <col min="13345" max="13568" width="0" style="2" hidden="1" customWidth="1"/>
    <col min="13569" max="13569" width="3.6640625" style="2" hidden="1" customWidth="1"/>
    <col min="13570" max="13575" width="5.6640625" style="2" hidden="1" customWidth="1"/>
    <col min="13576" max="13576" width="6.21875" style="2" hidden="1" customWidth="1"/>
    <col min="13577" max="13584" width="5.6640625" style="2" hidden="1" customWidth="1"/>
    <col min="13585" max="13585" width="6.6640625" style="2" hidden="1" customWidth="1"/>
    <col min="13586" max="13593" width="5.6640625" style="2" hidden="1" customWidth="1"/>
    <col min="13594" max="13596" width="6.6640625" style="2" hidden="1" customWidth="1"/>
    <col min="13597" max="13600" width="8.6640625" style="2" hidden="1" customWidth="1"/>
    <col min="13601" max="13824" width="0" style="2" hidden="1" customWidth="1"/>
    <col min="13825" max="13825" width="3.6640625" style="2" hidden="1" customWidth="1"/>
    <col min="13826" max="13831" width="5.6640625" style="2" hidden="1" customWidth="1"/>
    <col min="13832" max="13832" width="6.21875" style="2" hidden="1" customWidth="1"/>
    <col min="13833" max="13840" width="5.6640625" style="2" hidden="1" customWidth="1"/>
    <col min="13841" max="13841" width="6.6640625" style="2" hidden="1" customWidth="1"/>
    <col min="13842" max="13849" width="5.6640625" style="2" hidden="1" customWidth="1"/>
    <col min="13850" max="13852" width="6.6640625" style="2" hidden="1" customWidth="1"/>
    <col min="13853" max="13856" width="8.6640625" style="2" hidden="1" customWidth="1"/>
    <col min="13857" max="14080" width="0" style="2" hidden="1" customWidth="1"/>
    <col min="14081" max="14081" width="3.6640625" style="2" hidden="1" customWidth="1"/>
    <col min="14082" max="14087" width="5.6640625" style="2" hidden="1" customWidth="1"/>
    <col min="14088" max="14088" width="6.21875" style="2" hidden="1" customWidth="1"/>
    <col min="14089" max="14096" width="5.6640625" style="2" hidden="1" customWidth="1"/>
    <col min="14097" max="14097" width="6.6640625" style="2" hidden="1" customWidth="1"/>
    <col min="14098" max="14105" width="5.6640625" style="2" hidden="1" customWidth="1"/>
    <col min="14106" max="14108" width="6.6640625" style="2" hidden="1" customWidth="1"/>
    <col min="14109" max="14112" width="8.6640625" style="2" hidden="1" customWidth="1"/>
    <col min="14113" max="14336" width="0" style="2" hidden="1" customWidth="1"/>
    <col min="14337" max="14337" width="3.6640625" style="2" hidden="1" customWidth="1"/>
    <col min="14338" max="14343" width="5.6640625" style="2" hidden="1" customWidth="1"/>
    <col min="14344" max="14344" width="6.21875" style="2" hidden="1" customWidth="1"/>
    <col min="14345" max="14352" width="5.6640625" style="2" hidden="1" customWidth="1"/>
    <col min="14353" max="14353" width="6.6640625" style="2" hidden="1" customWidth="1"/>
    <col min="14354" max="14361" width="5.6640625" style="2" hidden="1" customWidth="1"/>
    <col min="14362" max="14364" width="6.6640625" style="2" hidden="1" customWidth="1"/>
    <col min="14365" max="14368" width="8.6640625" style="2" hidden="1" customWidth="1"/>
    <col min="14369" max="14592" width="0" style="2" hidden="1" customWidth="1"/>
    <col min="14593" max="14593" width="3.6640625" style="2" hidden="1" customWidth="1"/>
    <col min="14594" max="14599" width="5.6640625" style="2" hidden="1" customWidth="1"/>
    <col min="14600" max="14600" width="6.21875" style="2" hidden="1" customWidth="1"/>
    <col min="14601" max="14608" width="5.6640625" style="2" hidden="1" customWidth="1"/>
    <col min="14609" max="14609" width="6.6640625" style="2" hidden="1" customWidth="1"/>
    <col min="14610" max="14617" width="5.6640625" style="2" hidden="1" customWidth="1"/>
    <col min="14618" max="14620" width="6.6640625" style="2" hidden="1" customWidth="1"/>
    <col min="14621" max="14624" width="8.6640625" style="2" hidden="1" customWidth="1"/>
    <col min="14625" max="14848" width="0" style="2" hidden="1" customWidth="1"/>
    <col min="14849" max="14849" width="3.6640625" style="2" hidden="1" customWidth="1"/>
    <col min="14850" max="14855" width="5.6640625" style="2" hidden="1" customWidth="1"/>
    <col min="14856" max="14856" width="6.21875" style="2" hidden="1" customWidth="1"/>
    <col min="14857" max="14864" width="5.6640625" style="2" hidden="1" customWidth="1"/>
    <col min="14865" max="14865" width="6.6640625" style="2" hidden="1" customWidth="1"/>
    <col min="14866" max="14873" width="5.6640625" style="2" hidden="1" customWidth="1"/>
    <col min="14874" max="14876" width="6.6640625" style="2" hidden="1" customWidth="1"/>
    <col min="14877" max="14880" width="8.6640625" style="2" hidden="1" customWidth="1"/>
    <col min="14881" max="15104" width="0" style="2" hidden="1" customWidth="1"/>
    <col min="15105" max="15105" width="3.6640625" style="2" hidden="1" customWidth="1"/>
    <col min="15106" max="15111" width="5.6640625" style="2" hidden="1" customWidth="1"/>
    <col min="15112" max="15112" width="6.21875" style="2" hidden="1" customWidth="1"/>
    <col min="15113" max="15120" width="5.6640625" style="2" hidden="1" customWidth="1"/>
    <col min="15121" max="15121" width="6.6640625" style="2" hidden="1" customWidth="1"/>
    <col min="15122" max="15129" width="5.6640625" style="2" hidden="1" customWidth="1"/>
    <col min="15130" max="15132" width="6.6640625" style="2" hidden="1" customWidth="1"/>
    <col min="15133" max="15136" width="8.6640625" style="2" hidden="1" customWidth="1"/>
    <col min="15137" max="15360" width="0" style="2" hidden="1" customWidth="1"/>
    <col min="15361" max="15361" width="3.6640625" style="2" hidden="1" customWidth="1"/>
    <col min="15362" max="15367" width="5.6640625" style="2" hidden="1" customWidth="1"/>
    <col min="15368" max="15368" width="6.21875" style="2" hidden="1" customWidth="1"/>
    <col min="15369" max="15376" width="5.6640625" style="2" hidden="1" customWidth="1"/>
    <col min="15377" max="15377" width="6.6640625" style="2" hidden="1" customWidth="1"/>
    <col min="15378" max="15385" width="5.6640625" style="2" hidden="1" customWidth="1"/>
    <col min="15386" max="15388" width="6.6640625" style="2" hidden="1" customWidth="1"/>
    <col min="15389" max="15392" width="8.6640625" style="2" hidden="1" customWidth="1"/>
    <col min="15393" max="15616" width="0" style="2" hidden="1" customWidth="1"/>
    <col min="15617" max="15617" width="3.6640625" style="2" hidden="1" customWidth="1"/>
    <col min="15618" max="15623" width="5.6640625" style="2" hidden="1" customWidth="1"/>
    <col min="15624" max="15624" width="6.21875" style="2" hidden="1" customWidth="1"/>
    <col min="15625" max="15632" width="5.6640625" style="2" hidden="1" customWidth="1"/>
    <col min="15633" max="15633" width="6.6640625" style="2" hidden="1" customWidth="1"/>
    <col min="15634" max="15641" width="5.6640625" style="2" hidden="1" customWidth="1"/>
    <col min="15642" max="15644" width="6.6640625" style="2" hidden="1" customWidth="1"/>
    <col min="15645" max="15648" width="8.6640625" style="2" hidden="1" customWidth="1"/>
    <col min="15649" max="15872" width="0" style="2" hidden="1" customWidth="1"/>
    <col min="15873" max="15873" width="3.6640625" style="2" hidden="1" customWidth="1"/>
    <col min="15874" max="15879" width="5.6640625" style="2" hidden="1" customWidth="1"/>
    <col min="15880" max="15880" width="6.21875" style="2" hidden="1" customWidth="1"/>
    <col min="15881" max="15888" width="5.6640625" style="2" hidden="1" customWidth="1"/>
    <col min="15889" max="15889" width="6.6640625" style="2" hidden="1" customWidth="1"/>
    <col min="15890" max="15897" width="5.6640625" style="2" hidden="1" customWidth="1"/>
    <col min="15898" max="15900" width="6.6640625" style="2" hidden="1" customWidth="1"/>
    <col min="15901" max="15904" width="8.6640625" style="2" hidden="1" customWidth="1"/>
    <col min="15905" max="16128" width="0" style="2" hidden="1" customWidth="1"/>
    <col min="16129" max="16129" width="3.6640625" style="2" hidden="1" customWidth="1"/>
    <col min="16130" max="16135" width="5.6640625" style="2" hidden="1" customWidth="1"/>
    <col min="16136" max="16136" width="6.21875" style="2" hidden="1" customWidth="1"/>
    <col min="16137" max="16144" width="5.6640625" style="2" hidden="1" customWidth="1"/>
    <col min="16145" max="16145" width="6.6640625" style="2" hidden="1" customWidth="1"/>
    <col min="16146" max="16153" width="5.6640625" style="2" hidden="1" customWidth="1"/>
    <col min="16154" max="16156" width="6.6640625" style="2" hidden="1" customWidth="1"/>
    <col min="16157" max="16160" width="8.6640625" style="2" hidden="1" customWidth="1"/>
    <col min="16161" max="16384" width="9" style="2"/>
  </cols>
  <sheetData>
    <row r="1" spans="1:32" ht="41.25" customHeight="1">
      <c r="L1" s="3"/>
      <c r="M1" s="65" t="s">
        <v>0</v>
      </c>
      <c r="N1" s="66"/>
      <c r="O1" s="66"/>
      <c r="P1" s="66"/>
      <c r="Q1" s="66"/>
      <c r="R1" s="66"/>
      <c r="S1" s="66"/>
      <c r="T1" s="66"/>
      <c r="U1" s="66"/>
      <c r="V1" s="66"/>
      <c r="W1" s="67"/>
    </row>
    <row r="2" spans="1:32" ht="24.75" customHeight="1">
      <c r="L2" s="3"/>
      <c r="M2" s="4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>
      <c r="K3" s="68" t="s">
        <v>1</v>
      </c>
      <c r="L3" s="69"/>
      <c r="M3" s="69"/>
      <c r="N3" s="69"/>
      <c r="O3" s="69"/>
      <c r="P3" s="68" t="s">
        <v>2</v>
      </c>
      <c r="Q3" s="69"/>
      <c r="R3" s="69"/>
      <c r="S3" s="69"/>
      <c r="T3" s="69"/>
      <c r="U3" s="5">
        <v>6</v>
      </c>
      <c r="V3" s="6" t="s">
        <v>3</v>
      </c>
      <c r="W3" s="6"/>
    </row>
    <row r="4" spans="1:32" ht="24.9" customHeight="1"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</row>
    <row r="5" spans="1:32" ht="24.9" customHeight="1">
      <c r="L5" s="6"/>
      <c r="M5" s="52" t="s">
        <v>4</v>
      </c>
      <c r="N5" s="52"/>
      <c r="O5" s="52"/>
      <c r="P5" s="6"/>
      <c r="Q5" s="6"/>
      <c r="R5" s="51">
        <v>179573</v>
      </c>
      <c r="S5" s="51"/>
      <c r="T5" s="51"/>
      <c r="U5" s="7"/>
      <c r="V5" s="8" t="s">
        <v>4</v>
      </c>
      <c r="W5" s="6"/>
    </row>
    <row r="6" spans="1:32" ht="24.9" customHeight="1">
      <c r="L6" s="6"/>
      <c r="M6" s="52" t="s">
        <v>5</v>
      </c>
      <c r="N6" s="52"/>
      <c r="O6" s="52"/>
      <c r="P6" s="6"/>
      <c r="Q6" s="6"/>
      <c r="R6" s="51">
        <v>416230</v>
      </c>
      <c r="S6" s="51"/>
      <c r="T6" s="51"/>
      <c r="U6" s="9"/>
      <c r="V6" s="8" t="s">
        <v>6</v>
      </c>
      <c r="W6" s="6"/>
    </row>
    <row r="7" spans="1:32" ht="24.9" customHeight="1">
      <c r="L7" s="6"/>
      <c r="M7" s="6"/>
      <c r="N7" s="8" t="s">
        <v>7</v>
      </c>
      <c r="O7" s="6"/>
      <c r="P7" s="6"/>
      <c r="Q7" s="6"/>
      <c r="R7" s="51">
        <v>202647</v>
      </c>
      <c r="S7" s="51"/>
      <c r="T7" s="51"/>
      <c r="U7" s="9"/>
      <c r="V7" s="8" t="s">
        <v>6</v>
      </c>
      <c r="W7" s="6"/>
    </row>
    <row r="8" spans="1:32" ht="24.9" customHeight="1">
      <c r="L8" s="6"/>
      <c r="M8" s="6"/>
      <c r="N8" s="8" t="s">
        <v>8</v>
      </c>
      <c r="O8" s="6"/>
      <c r="P8" s="6"/>
      <c r="Q8" s="6"/>
      <c r="R8" s="51">
        <v>213583</v>
      </c>
      <c r="S8" s="51"/>
      <c r="T8" s="51"/>
      <c r="U8" s="9"/>
      <c r="V8" s="8" t="s">
        <v>6</v>
      </c>
      <c r="W8" s="6"/>
    </row>
    <row r="9" spans="1:32" ht="14.25" customHeight="1">
      <c r="L9" s="6"/>
      <c r="M9" s="6"/>
      <c r="N9" s="6"/>
      <c r="O9" s="6"/>
      <c r="P9" s="6"/>
      <c r="Q9" s="6"/>
      <c r="R9" s="6"/>
      <c r="S9" s="6"/>
      <c r="T9" s="6"/>
      <c r="U9" s="6"/>
      <c r="V9" s="8"/>
      <c r="W9" s="6"/>
    </row>
    <row r="10" spans="1:32" ht="24.9" customHeight="1">
      <c r="L10" s="6"/>
      <c r="M10" s="52" t="s">
        <v>9</v>
      </c>
      <c r="N10" s="52"/>
      <c r="O10" s="52"/>
      <c r="P10" s="6"/>
      <c r="Q10" s="6"/>
      <c r="R10" s="53">
        <v>1241.77</v>
      </c>
      <c r="S10" s="53"/>
      <c r="T10" s="53"/>
      <c r="U10" s="6"/>
      <c r="V10" s="8" t="s">
        <v>10</v>
      </c>
      <c r="W10" s="6"/>
    </row>
    <row r="11" spans="1:32" ht="24.9" customHeight="1"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</row>
    <row r="12" spans="1:32" ht="24.9" customHeight="1">
      <c r="K12" s="54" t="s">
        <v>11</v>
      </c>
      <c r="L12" s="55"/>
      <c r="M12" s="55"/>
      <c r="N12" s="55"/>
      <c r="O12" s="55"/>
      <c r="P12" s="55"/>
      <c r="Q12" s="55"/>
      <c r="R12" s="55"/>
      <c r="S12" s="55"/>
      <c r="T12" s="55"/>
      <c r="U12" s="55"/>
      <c r="V12" s="55"/>
      <c r="W12" s="55"/>
      <c r="X12" s="55"/>
    </row>
    <row r="13" spans="1:32" ht="24.9" customHeight="1"/>
    <row r="14" spans="1:32" ht="20.100000000000001" customHeight="1">
      <c r="A14" s="56"/>
      <c r="B14" s="58" t="s">
        <v>12</v>
      </c>
      <c r="C14" s="59"/>
      <c r="D14" s="59"/>
      <c r="E14" s="59"/>
      <c r="F14" s="59"/>
      <c r="G14" s="59"/>
      <c r="H14" s="60"/>
      <c r="I14" s="58" t="s">
        <v>13</v>
      </c>
      <c r="J14" s="59"/>
      <c r="K14" s="59"/>
      <c r="L14" s="59"/>
      <c r="M14" s="59"/>
      <c r="N14" s="59"/>
      <c r="O14" s="59"/>
      <c r="P14" s="59"/>
      <c r="Q14" s="59"/>
      <c r="R14" s="59"/>
      <c r="S14" s="59"/>
      <c r="T14" s="59"/>
      <c r="U14" s="59"/>
      <c r="V14" s="59"/>
      <c r="W14" s="59"/>
      <c r="X14" s="59"/>
      <c r="Y14" s="59"/>
      <c r="Z14" s="59"/>
      <c r="AA14" s="60"/>
      <c r="AB14" s="10"/>
      <c r="AC14" s="11"/>
      <c r="AD14" s="11"/>
      <c r="AE14" s="11"/>
      <c r="AF14" s="12"/>
    </row>
    <row r="15" spans="1:32" ht="20.100000000000001" customHeight="1">
      <c r="A15" s="57"/>
      <c r="B15" s="61" t="s">
        <v>14</v>
      </c>
      <c r="C15" s="62"/>
      <c r="D15" s="63"/>
      <c r="E15" s="61" t="s">
        <v>15</v>
      </c>
      <c r="F15" s="62"/>
      <c r="G15" s="63"/>
      <c r="H15" s="39" t="s">
        <v>16</v>
      </c>
      <c r="I15" s="41" t="s">
        <v>17</v>
      </c>
      <c r="J15" s="42"/>
      <c r="K15" s="42"/>
      <c r="L15" s="42"/>
      <c r="M15" s="42"/>
      <c r="N15" s="42"/>
      <c r="O15" s="42"/>
      <c r="P15" s="42"/>
      <c r="Q15" s="43"/>
      <c r="R15" s="41" t="s">
        <v>18</v>
      </c>
      <c r="S15" s="42"/>
      <c r="T15" s="42"/>
      <c r="U15" s="42"/>
      <c r="V15" s="42"/>
      <c r="W15" s="42"/>
      <c r="X15" s="42"/>
      <c r="Y15" s="42"/>
      <c r="Z15" s="43"/>
      <c r="AA15" s="39" t="s">
        <v>16</v>
      </c>
      <c r="AB15" s="44" t="s">
        <v>16</v>
      </c>
      <c r="AC15" s="45" t="s">
        <v>19</v>
      </c>
      <c r="AD15" s="46"/>
      <c r="AE15" s="46"/>
      <c r="AF15" s="47"/>
    </row>
    <row r="16" spans="1:32" ht="20.100000000000001" customHeight="1">
      <c r="A16" s="57"/>
      <c r="B16" s="48"/>
      <c r="C16" s="49"/>
      <c r="D16" s="64"/>
      <c r="E16" s="48"/>
      <c r="F16" s="49"/>
      <c r="G16" s="64"/>
      <c r="H16" s="40"/>
      <c r="I16" s="41" t="s">
        <v>20</v>
      </c>
      <c r="J16" s="42"/>
      <c r="K16" s="42"/>
      <c r="L16" s="43"/>
      <c r="M16" s="41" t="s">
        <v>21</v>
      </c>
      <c r="N16" s="42"/>
      <c r="O16" s="42"/>
      <c r="P16" s="43"/>
      <c r="Q16" s="13" t="s">
        <v>22</v>
      </c>
      <c r="R16" s="41" t="s">
        <v>20</v>
      </c>
      <c r="S16" s="42"/>
      <c r="T16" s="42"/>
      <c r="U16" s="43"/>
      <c r="V16" s="41" t="s">
        <v>21</v>
      </c>
      <c r="W16" s="42"/>
      <c r="X16" s="42"/>
      <c r="Y16" s="43"/>
      <c r="Z16" s="13" t="s">
        <v>22</v>
      </c>
      <c r="AA16" s="44"/>
      <c r="AB16" s="44"/>
      <c r="AC16" s="48"/>
      <c r="AD16" s="49"/>
      <c r="AE16" s="49"/>
      <c r="AF16" s="50"/>
    </row>
    <row r="17" spans="1:32" ht="20.100000000000001" customHeight="1">
      <c r="A17" s="14" t="s">
        <v>23</v>
      </c>
      <c r="B17" s="15" t="s">
        <v>7</v>
      </c>
      <c r="C17" s="16" t="s">
        <v>8</v>
      </c>
      <c r="D17" s="16" t="s">
        <v>24</v>
      </c>
      <c r="E17" s="16" t="s">
        <v>7</v>
      </c>
      <c r="F17" s="16" t="s">
        <v>8</v>
      </c>
      <c r="G17" s="16" t="s">
        <v>24</v>
      </c>
      <c r="H17" s="15" t="s">
        <v>25</v>
      </c>
      <c r="I17" s="16" t="s">
        <v>4</v>
      </c>
      <c r="J17" s="16" t="s">
        <v>26</v>
      </c>
      <c r="K17" s="16" t="s">
        <v>8</v>
      </c>
      <c r="L17" s="16" t="s">
        <v>24</v>
      </c>
      <c r="M17" s="16" t="s">
        <v>4</v>
      </c>
      <c r="N17" s="16" t="s">
        <v>7</v>
      </c>
      <c r="O17" s="16" t="s">
        <v>8</v>
      </c>
      <c r="P17" s="16" t="s">
        <v>24</v>
      </c>
      <c r="Q17" s="15" t="s">
        <v>24</v>
      </c>
      <c r="R17" s="16" t="s">
        <v>4</v>
      </c>
      <c r="S17" s="16" t="s">
        <v>7</v>
      </c>
      <c r="T17" s="16" t="s">
        <v>8</v>
      </c>
      <c r="U17" s="16" t="s">
        <v>24</v>
      </c>
      <c r="V17" s="16" t="s">
        <v>4</v>
      </c>
      <c r="W17" s="16" t="s">
        <v>7</v>
      </c>
      <c r="X17" s="16" t="s">
        <v>8</v>
      </c>
      <c r="Y17" s="16" t="s">
        <v>24</v>
      </c>
      <c r="Z17" s="15" t="s">
        <v>24</v>
      </c>
      <c r="AA17" s="15" t="s">
        <v>27</v>
      </c>
      <c r="AB17" s="15" t="s">
        <v>28</v>
      </c>
      <c r="AC17" s="15" t="s">
        <v>4</v>
      </c>
      <c r="AD17" s="16" t="s">
        <v>7</v>
      </c>
      <c r="AE17" s="16" t="s">
        <v>8</v>
      </c>
      <c r="AF17" s="17" t="s">
        <v>24</v>
      </c>
    </row>
    <row r="18" spans="1:32" ht="20.100000000000001" customHeight="1">
      <c r="A18" s="18">
        <v>1</v>
      </c>
      <c r="B18" s="19">
        <v>134</v>
      </c>
      <c r="C18" s="19">
        <v>140</v>
      </c>
      <c r="D18" s="20">
        <v>274</v>
      </c>
      <c r="E18" s="19">
        <v>215</v>
      </c>
      <c r="F18" s="19">
        <v>258</v>
      </c>
      <c r="G18" s="20">
        <v>473</v>
      </c>
      <c r="H18" s="20">
        <v>-199</v>
      </c>
      <c r="I18" s="19">
        <v>286</v>
      </c>
      <c r="J18" s="19">
        <v>98</v>
      </c>
      <c r="K18" s="19">
        <v>105</v>
      </c>
      <c r="L18" s="20">
        <v>203</v>
      </c>
      <c r="M18" s="19">
        <v>384</v>
      </c>
      <c r="N18" s="19">
        <v>357</v>
      </c>
      <c r="O18" s="19">
        <v>232</v>
      </c>
      <c r="P18" s="20">
        <v>589</v>
      </c>
      <c r="Q18" s="20">
        <v>792</v>
      </c>
      <c r="R18" s="19">
        <v>402</v>
      </c>
      <c r="S18" s="19">
        <v>134</v>
      </c>
      <c r="T18" s="19">
        <v>126</v>
      </c>
      <c r="U18" s="20">
        <v>260</v>
      </c>
      <c r="V18" s="19">
        <v>308</v>
      </c>
      <c r="W18" s="19">
        <v>342</v>
      </c>
      <c r="X18" s="19">
        <v>208</v>
      </c>
      <c r="Y18" s="20">
        <v>550</v>
      </c>
      <c r="Z18" s="20">
        <v>810</v>
      </c>
      <c r="AA18" s="20">
        <v>-18</v>
      </c>
      <c r="AB18" s="20">
        <v>-217</v>
      </c>
      <c r="AC18" s="21">
        <v>178510</v>
      </c>
      <c r="AD18" s="21">
        <v>203180</v>
      </c>
      <c r="AE18" s="21">
        <v>213837</v>
      </c>
      <c r="AF18" s="22">
        <v>417017</v>
      </c>
    </row>
    <row r="19" spans="1:32" ht="20.100000000000001" customHeight="1">
      <c r="A19" s="23">
        <v>2</v>
      </c>
      <c r="B19" s="24">
        <v>113</v>
      </c>
      <c r="C19" s="24">
        <v>109</v>
      </c>
      <c r="D19" s="25">
        <v>222</v>
      </c>
      <c r="E19" s="24">
        <v>196</v>
      </c>
      <c r="F19" s="24">
        <v>201</v>
      </c>
      <c r="G19" s="25">
        <v>397</v>
      </c>
      <c r="H19" s="25">
        <v>-175</v>
      </c>
      <c r="I19" s="24">
        <v>311</v>
      </c>
      <c r="J19" s="24">
        <v>128</v>
      </c>
      <c r="K19" s="24">
        <v>112</v>
      </c>
      <c r="L19" s="25">
        <v>240</v>
      </c>
      <c r="M19" s="24">
        <v>356</v>
      </c>
      <c r="N19" s="24">
        <v>318</v>
      </c>
      <c r="O19" s="24">
        <v>223</v>
      </c>
      <c r="P19" s="25">
        <v>541</v>
      </c>
      <c r="Q19" s="25">
        <v>781</v>
      </c>
      <c r="R19" s="24">
        <v>361</v>
      </c>
      <c r="S19" s="24">
        <v>149</v>
      </c>
      <c r="T19" s="24">
        <v>126</v>
      </c>
      <c r="U19" s="25">
        <v>275</v>
      </c>
      <c r="V19" s="24">
        <v>394</v>
      </c>
      <c r="W19" s="24">
        <v>385</v>
      </c>
      <c r="X19" s="24">
        <v>266</v>
      </c>
      <c r="Y19" s="25">
        <v>651</v>
      </c>
      <c r="Z19" s="25">
        <v>926</v>
      </c>
      <c r="AA19" s="25">
        <v>-145</v>
      </c>
      <c r="AB19" s="25">
        <v>-320</v>
      </c>
      <c r="AC19" s="26">
        <v>178422</v>
      </c>
      <c r="AD19" s="26">
        <v>203009</v>
      </c>
      <c r="AE19" s="26">
        <v>213688</v>
      </c>
      <c r="AF19" s="27">
        <v>416697</v>
      </c>
    </row>
    <row r="20" spans="1:32" ht="20.100000000000001" customHeight="1">
      <c r="A20" s="23">
        <v>3</v>
      </c>
      <c r="B20" s="24">
        <v>112</v>
      </c>
      <c r="C20" s="24">
        <v>118</v>
      </c>
      <c r="D20" s="25">
        <v>230</v>
      </c>
      <c r="E20" s="24">
        <v>219</v>
      </c>
      <c r="F20" s="24">
        <v>197</v>
      </c>
      <c r="G20" s="25">
        <v>416</v>
      </c>
      <c r="H20" s="25">
        <v>-186</v>
      </c>
      <c r="I20" s="24">
        <v>628</v>
      </c>
      <c r="J20" s="24">
        <v>318</v>
      </c>
      <c r="K20" s="24">
        <v>300</v>
      </c>
      <c r="L20" s="25">
        <v>618</v>
      </c>
      <c r="M20" s="24">
        <v>1037</v>
      </c>
      <c r="N20" s="24">
        <v>966</v>
      </c>
      <c r="O20" s="24">
        <v>709</v>
      </c>
      <c r="P20" s="25">
        <v>1675</v>
      </c>
      <c r="Q20" s="25">
        <v>2293</v>
      </c>
      <c r="R20" s="24">
        <v>556</v>
      </c>
      <c r="S20" s="24">
        <v>367</v>
      </c>
      <c r="T20" s="24">
        <v>229</v>
      </c>
      <c r="U20" s="25">
        <v>596</v>
      </c>
      <c r="V20" s="24">
        <v>1000</v>
      </c>
      <c r="W20" s="24">
        <v>1337</v>
      </c>
      <c r="X20" s="24">
        <v>967</v>
      </c>
      <c r="Y20" s="25">
        <v>2304</v>
      </c>
      <c r="Z20" s="25">
        <v>2900</v>
      </c>
      <c r="AA20" s="25">
        <v>-607</v>
      </c>
      <c r="AB20" s="25">
        <v>-793</v>
      </c>
      <c r="AC20" s="26">
        <v>178531</v>
      </c>
      <c r="AD20" s="26">
        <v>202482</v>
      </c>
      <c r="AE20" s="26">
        <v>213422</v>
      </c>
      <c r="AF20" s="27">
        <v>415904</v>
      </c>
    </row>
    <row r="21" spans="1:32" ht="20.100000000000001" customHeight="1">
      <c r="A21" s="23">
        <v>4</v>
      </c>
      <c r="B21" s="24">
        <v>123</v>
      </c>
      <c r="C21" s="24">
        <v>128</v>
      </c>
      <c r="D21" s="25">
        <v>251</v>
      </c>
      <c r="E21" s="24">
        <v>188</v>
      </c>
      <c r="F21" s="24">
        <v>178</v>
      </c>
      <c r="G21" s="25">
        <v>366</v>
      </c>
      <c r="H21" s="25">
        <v>-115</v>
      </c>
      <c r="I21" s="24">
        <v>495</v>
      </c>
      <c r="J21" s="24">
        <v>192</v>
      </c>
      <c r="K21" s="24">
        <v>187</v>
      </c>
      <c r="L21" s="25">
        <v>379</v>
      </c>
      <c r="M21" s="24">
        <v>1019</v>
      </c>
      <c r="N21" s="24">
        <v>885</v>
      </c>
      <c r="O21" s="24">
        <v>547</v>
      </c>
      <c r="P21" s="25">
        <v>1432</v>
      </c>
      <c r="Q21" s="25">
        <v>1811</v>
      </c>
      <c r="R21" s="24">
        <v>376</v>
      </c>
      <c r="S21" s="24">
        <v>157</v>
      </c>
      <c r="T21" s="24">
        <v>138</v>
      </c>
      <c r="U21" s="25">
        <v>295</v>
      </c>
      <c r="V21" s="24">
        <v>617</v>
      </c>
      <c r="W21" s="24">
        <v>794</v>
      </c>
      <c r="X21" s="24">
        <v>485</v>
      </c>
      <c r="Y21" s="25">
        <v>1279</v>
      </c>
      <c r="Z21" s="25">
        <v>1574</v>
      </c>
      <c r="AA21" s="25">
        <v>237</v>
      </c>
      <c r="AB21" s="25">
        <v>122</v>
      </c>
      <c r="AC21" s="26">
        <v>179052</v>
      </c>
      <c r="AD21" s="26">
        <v>202543</v>
      </c>
      <c r="AE21" s="26">
        <v>213483</v>
      </c>
      <c r="AF21" s="27">
        <v>416026</v>
      </c>
    </row>
    <row r="22" spans="1:32" ht="20.100000000000001" customHeight="1">
      <c r="A22" s="23">
        <v>5</v>
      </c>
      <c r="B22" s="24">
        <v>152</v>
      </c>
      <c r="C22" s="24">
        <v>121</v>
      </c>
      <c r="D22" s="25">
        <v>273</v>
      </c>
      <c r="E22" s="24">
        <v>249</v>
      </c>
      <c r="F22" s="24">
        <v>228</v>
      </c>
      <c r="G22" s="25">
        <v>477</v>
      </c>
      <c r="H22" s="25">
        <v>-204</v>
      </c>
      <c r="I22" s="24">
        <v>396</v>
      </c>
      <c r="J22" s="24">
        <v>130</v>
      </c>
      <c r="K22" s="24">
        <v>171</v>
      </c>
      <c r="L22" s="25">
        <v>301</v>
      </c>
      <c r="M22" s="24">
        <v>581</v>
      </c>
      <c r="N22" s="24">
        <v>454</v>
      </c>
      <c r="O22" s="24">
        <v>356</v>
      </c>
      <c r="P22" s="25">
        <v>810</v>
      </c>
      <c r="Q22" s="25">
        <v>1111</v>
      </c>
      <c r="R22" s="24">
        <v>385</v>
      </c>
      <c r="S22" s="24">
        <v>115</v>
      </c>
      <c r="T22" s="24">
        <v>105</v>
      </c>
      <c r="U22" s="25">
        <v>220</v>
      </c>
      <c r="V22" s="24">
        <v>279</v>
      </c>
      <c r="W22" s="24">
        <v>305</v>
      </c>
      <c r="X22" s="24">
        <v>225</v>
      </c>
      <c r="Y22" s="25">
        <v>530</v>
      </c>
      <c r="Z22" s="25">
        <v>750</v>
      </c>
      <c r="AA22" s="25">
        <v>361</v>
      </c>
      <c r="AB22" s="25">
        <v>157</v>
      </c>
      <c r="AC22" s="26">
        <v>179365</v>
      </c>
      <c r="AD22" s="26">
        <v>202610</v>
      </c>
      <c r="AE22" s="26">
        <v>213573</v>
      </c>
      <c r="AF22" s="27">
        <v>416183</v>
      </c>
    </row>
    <row r="23" spans="1:32" ht="20.100000000000001" customHeight="1">
      <c r="A23" s="23">
        <v>6</v>
      </c>
      <c r="B23" s="24">
        <v>103</v>
      </c>
      <c r="C23" s="24">
        <v>115</v>
      </c>
      <c r="D23" s="25">
        <v>218</v>
      </c>
      <c r="E23" s="24">
        <v>178</v>
      </c>
      <c r="F23" s="24">
        <v>174</v>
      </c>
      <c r="G23" s="25">
        <v>352</v>
      </c>
      <c r="H23" s="25">
        <v>-134</v>
      </c>
      <c r="I23" s="24">
        <v>357</v>
      </c>
      <c r="J23" s="24">
        <v>124</v>
      </c>
      <c r="K23" s="24">
        <v>128</v>
      </c>
      <c r="L23" s="25">
        <v>252</v>
      </c>
      <c r="M23" s="24">
        <v>517</v>
      </c>
      <c r="N23" s="24">
        <v>432</v>
      </c>
      <c r="O23" s="24">
        <v>280</v>
      </c>
      <c r="P23" s="25">
        <v>712</v>
      </c>
      <c r="Q23" s="25">
        <v>964</v>
      </c>
      <c r="R23" s="24">
        <v>346</v>
      </c>
      <c r="S23" s="24">
        <v>128</v>
      </c>
      <c r="T23" s="24">
        <v>116</v>
      </c>
      <c r="U23" s="25">
        <v>244</v>
      </c>
      <c r="V23" s="24">
        <v>320</v>
      </c>
      <c r="W23" s="24">
        <v>316</v>
      </c>
      <c r="X23" s="24">
        <v>223</v>
      </c>
      <c r="Y23" s="25">
        <v>539</v>
      </c>
      <c r="Z23" s="25">
        <v>783</v>
      </c>
      <c r="AA23" s="25">
        <v>181</v>
      </c>
      <c r="AB23" s="25">
        <v>47</v>
      </c>
      <c r="AC23" s="26">
        <v>179573</v>
      </c>
      <c r="AD23" s="26">
        <v>202647</v>
      </c>
      <c r="AE23" s="26">
        <v>213583</v>
      </c>
      <c r="AF23" s="27">
        <v>416230</v>
      </c>
    </row>
    <row r="24" spans="1:32" ht="20.100000000000001" customHeight="1">
      <c r="A24" s="23">
        <v>7</v>
      </c>
      <c r="B24" s="24"/>
      <c r="C24" s="24"/>
      <c r="D24" s="25">
        <v>0</v>
      </c>
      <c r="E24" s="24"/>
      <c r="F24" s="24"/>
      <c r="G24" s="25">
        <v>0</v>
      </c>
      <c r="H24" s="25">
        <v>0</v>
      </c>
      <c r="I24" s="24"/>
      <c r="J24" s="24"/>
      <c r="K24" s="24"/>
      <c r="L24" s="25">
        <v>0</v>
      </c>
      <c r="M24" s="24"/>
      <c r="N24" s="24"/>
      <c r="O24" s="24"/>
      <c r="P24" s="25">
        <v>0</v>
      </c>
      <c r="Q24" s="25">
        <v>0</v>
      </c>
      <c r="R24" s="24"/>
      <c r="S24" s="24"/>
      <c r="T24" s="24"/>
      <c r="U24" s="25">
        <v>0</v>
      </c>
      <c r="V24" s="24"/>
      <c r="W24" s="24"/>
      <c r="X24" s="24"/>
      <c r="Y24" s="25">
        <v>0</v>
      </c>
      <c r="Z24" s="25">
        <v>0</v>
      </c>
      <c r="AA24" s="25">
        <v>0</v>
      </c>
      <c r="AB24" s="25">
        <v>0</v>
      </c>
      <c r="AC24" s="26" t="s">
        <v>29</v>
      </c>
      <c r="AD24" s="26" t="s">
        <v>29</v>
      </c>
      <c r="AE24" s="26" t="s">
        <v>29</v>
      </c>
      <c r="AF24" s="27">
        <v>0</v>
      </c>
    </row>
    <row r="25" spans="1:32" ht="20.100000000000001" customHeight="1">
      <c r="A25" s="23">
        <v>8</v>
      </c>
      <c r="B25" s="24"/>
      <c r="C25" s="24"/>
      <c r="D25" s="25">
        <v>0</v>
      </c>
      <c r="E25" s="24"/>
      <c r="F25" s="24"/>
      <c r="G25" s="25">
        <v>0</v>
      </c>
      <c r="H25" s="25">
        <v>0</v>
      </c>
      <c r="I25" s="24"/>
      <c r="J25" s="24"/>
      <c r="K25" s="24"/>
      <c r="L25" s="25">
        <v>0</v>
      </c>
      <c r="M25" s="24"/>
      <c r="N25" s="24"/>
      <c r="O25" s="24"/>
      <c r="P25" s="25">
        <v>0</v>
      </c>
      <c r="Q25" s="25">
        <v>0</v>
      </c>
      <c r="R25" s="24"/>
      <c r="S25" s="24"/>
      <c r="T25" s="24"/>
      <c r="U25" s="25">
        <v>0</v>
      </c>
      <c r="V25" s="24"/>
      <c r="W25" s="24"/>
      <c r="X25" s="24"/>
      <c r="Y25" s="25">
        <v>0</v>
      </c>
      <c r="Z25" s="25">
        <v>0</v>
      </c>
      <c r="AA25" s="25">
        <v>0</v>
      </c>
      <c r="AB25" s="25">
        <v>0</v>
      </c>
      <c r="AC25" s="26" t="s">
        <v>29</v>
      </c>
      <c r="AD25" s="26" t="s">
        <v>29</v>
      </c>
      <c r="AE25" s="26" t="s">
        <v>29</v>
      </c>
      <c r="AF25" s="27">
        <v>0</v>
      </c>
    </row>
    <row r="26" spans="1:32" ht="20.100000000000001" customHeight="1">
      <c r="A26" s="23">
        <v>9</v>
      </c>
      <c r="B26" s="24"/>
      <c r="C26" s="24"/>
      <c r="D26" s="25">
        <v>0</v>
      </c>
      <c r="E26" s="24"/>
      <c r="F26" s="24"/>
      <c r="G26" s="25">
        <v>0</v>
      </c>
      <c r="H26" s="25">
        <v>0</v>
      </c>
      <c r="I26" s="24"/>
      <c r="J26" s="24"/>
      <c r="K26" s="24"/>
      <c r="L26" s="25">
        <v>0</v>
      </c>
      <c r="M26" s="24"/>
      <c r="N26" s="24"/>
      <c r="O26" s="24"/>
      <c r="P26" s="25">
        <v>0</v>
      </c>
      <c r="Q26" s="25">
        <v>0</v>
      </c>
      <c r="R26" s="24"/>
      <c r="S26" s="24"/>
      <c r="T26" s="24"/>
      <c r="U26" s="25">
        <v>0</v>
      </c>
      <c r="V26" s="24"/>
      <c r="W26" s="24"/>
      <c r="X26" s="24"/>
      <c r="Y26" s="25">
        <v>0</v>
      </c>
      <c r="Z26" s="25">
        <v>0</v>
      </c>
      <c r="AA26" s="25">
        <v>0</v>
      </c>
      <c r="AB26" s="25">
        <v>0</v>
      </c>
      <c r="AC26" s="26" t="s">
        <v>29</v>
      </c>
      <c r="AD26" s="26" t="s">
        <v>29</v>
      </c>
      <c r="AE26" s="26" t="s">
        <v>29</v>
      </c>
      <c r="AF26" s="27">
        <v>0</v>
      </c>
    </row>
    <row r="27" spans="1:32" ht="20.100000000000001" customHeight="1">
      <c r="A27" s="23">
        <v>10</v>
      </c>
      <c r="B27" s="24"/>
      <c r="C27" s="24"/>
      <c r="D27" s="25">
        <v>0</v>
      </c>
      <c r="E27" s="24"/>
      <c r="F27" s="24"/>
      <c r="G27" s="25">
        <v>0</v>
      </c>
      <c r="H27" s="25">
        <v>0</v>
      </c>
      <c r="I27" s="24"/>
      <c r="J27" s="24"/>
      <c r="K27" s="24"/>
      <c r="L27" s="25">
        <v>0</v>
      </c>
      <c r="M27" s="24"/>
      <c r="N27" s="24"/>
      <c r="O27" s="24"/>
      <c r="P27" s="25">
        <v>0</v>
      </c>
      <c r="Q27" s="25">
        <v>0</v>
      </c>
      <c r="R27" s="24"/>
      <c r="S27" s="24"/>
      <c r="T27" s="24"/>
      <c r="U27" s="25">
        <v>0</v>
      </c>
      <c r="V27" s="24"/>
      <c r="W27" s="24"/>
      <c r="X27" s="24"/>
      <c r="Y27" s="25">
        <v>0</v>
      </c>
      <c r="Z27" s="25">
        <v>0</v>
      </c>
      <c r="AA27" s="25">
        <v>0</v>
      </c>
      <c r="AB27" s="25">
        <v>0</v>
      </c>
      <c r="AC27" s="26" t="s">
        <v>29</v>
      </c>
      <c r="AD27" s="26" t="s">
        <v>29</v>
      </c>
      <c r="AE27" s="26" t="s">
        <v>29</v>
      </c>
      <c r="AF27" s="27">
        <v>0</v>
      </c>
    </row>
    <row r="28" spans="1:32" ht="20.100000000000001" customHeight="1">
      <c r="A28" s="23">
        <v>11</v>
      </c>
      <c r="B28" s="24"/>
      <c r="C28" s="24"/>
      <c r="D28" s="25">
        <v>0</v>
      </c>
      <c r="E28" s="24"/>
      <c r="F28" s="24"/>
      <c r="G28" s="25">
        <v>0</v>
      </c>
      <c r="H28" s="25">
        <v>0</v>
      </c>
      <c r="I28" s="24"/>
      <c r="J28" s="24"/>
      <c r="K28" s="24"/>
      <c r="L28" s="25">
        <v>0</v>
      </c>
      <c r="M28" s="24"/>
      <c r="N28" s="24"/>
      <c r="O28" s="24"/>
      <c r="P28" s="25">
        <v>0</v>
      </c>
      <c r="Q28" s="25">
        <v>0</v>
      </c>
      <c r="R28" s="24"/>
      <c r="S28" s="24"/>
      <c r="T28" s="24"/>
      <c r="U28" s="25">
        <v>0</v>
      </c>
      <c r="V28" s="24"/>
      <c r="W28" s="24"/>
      <c r="X28" s="24"/>
      <c r="Y28" s="25">
        <v>0</v>
      </c>
      <c r="Z28" s="25">
        <v>0</v>
      </c>
      <c r="AA28" s="25">
        <v>0</v>
      </c>
      <c r="AB28" s="25">
        <v>0</v>
      </c>
      <c r="AC28" s="26" t="s">
        <v>29</v>
      </c>
      <c r="AD28" s="26" t="s">
        <v>29</v>
      </c>
      <c r="AE28" s="26" t="s">
        <v>29</v>
      </c>
      <c r="AF28" s="27">
        <v>0</v>
      </c>
    </row>
    <row r="29" spans="1:32" ht="20.100000000000001" customHeight="1">
      <c r="A29" s="28">
        <v>12</v>
      </c>
      <c r="B29" s="29"/>
      <c r="C29" s="29"/>
      <c r="D29" s="30">
        <v>0</v>
      </c>
      <c r="E29" s="29"/>
      <c r="F29" s="29"/>
      <c r="G29" s="30">
        <v>0</v>
      </c>
      <c r="H29" s="30">
        <v>0</v>
      </c>
      <c r="I29" s="29"/>
      <c r="J29" s="29"/>
      <c r="K29" s="29"/>
      <c r="L29" s="30">
        <v>0</v>
      </c>
      <c r="M29" s="29"/>
      <c r="N29" s="29"/>
      <c r="O29" s="29"/>
      <c r="P29" s="30">
        <v>0</v>
      </c>
      <c r="Q29" s="30">
        <v>0</v>
      </c>
      <c r="R29" s="29"/>
      <c r="S29" s="29"/>
      <c r="T29" s="29"/>
      <c r="U29" s="30">
        <v>0</v>
      </c>
      <c r="V29" s="29"/>
      <c r="W29" s="29"/>
      <c r="X29" s="29"/>
      <c r="Y29" s="30">
        <v>0</v>
      </c>
      <c r="Z29" s="30">
        <v>0</v>
      </c>
      <c r="AA29" s="30">
        <v>0</v>
      </c>
      <c r="AB29" s="30">
        <v>0</v>
      </c>
      <c r="AC29" s="31" t="s">
        <v>29</v>
      </c>
      <c r="AD29" s="31" t="s">
        <v>29</v>
      </c>
      <c r="AE29" s="31" t="s">
        <v>29</v>
      </c>
      <c r="AF29" s="32">
        <v>0</v>
      </c>
    </row>
    <row r="30" spans="1:32" ht="20.100000000000001" customHeight="1">
      <c r="A30" s="14" t="s">
        <v>24</v>
      </c>
      <c r="B30" s="33">
        <v>737</v>
      </c>
      <c r="C30" s="33">
        <v>731</v>
      </c>
      <c r="D30" s="33">
        <v>1468</v>
      </c>
      <c r="E30" s="33">
        <v>1245</v>
      </c>
      <c r="F30" s="33">
        <v>1236</v>
      </c>
      <c r="G30" s="33">
        <v>2481</v>
      </c>
      <c r="H30" s="33">
        <v>-1013</v>
      </c>
      <c r="I30" s="33">
        <v>2473</v>
      </c>
      <c r="J30" s="33">
        <v>990</v>
      </c>
      <c r="K30" s="33">
        <v>1003</v>
      </c>
      <c r="L30" s="33">
        <v>1993</v>
      </c>
      <c r="M30" s="33">
        <v>3894</v>
      </c>
      <c r="N30" s="33">
        <v>3412</v>
      </c>
      <c r="O30" s="33">
        <v>2347</v>
      </c>
      <c r="P30" s="33">
        <v>5759</v>
      </c>
      <c r="Q30" s="33">
        <v>7752</v>
      </c>
      <c r="R30" s="33">
        <v>2426</v>
      </c>
      <c r="S30" s="33">
        <v>1050</v>
      </c>
      <c r="T30" s="33">
        <v>840</v>
      </c>
      <c r="U30" s="33">
        <v>1890</v>
      </c>
      <c r="V30" s="33">
        <v>2918</v>
      </c>
      <c r="W30" s="33">
        <v>3479</v>
      </c>
      <c r="X30" s="33">
        <v>2374</v>
      </c>
      <c r="Y30" s="33">
        <v>5853</v>
      </c>
      <c r="Z30" s="33">
        <v>7743</v>
      </c>
      <c r="AA30" s="33">
        <v>9</v>
      </c>
      <c r="AB30" s="33">
        <v>-1004</v>
      </c>
      <c r="AC30" s="34"/>
      <c r="AD30" s="34"/>
      <c r="AE30" s="34"/>
      <c r="AF30" s="35"/>
    </row>
    <row r="31" spans="1:32">
      <c r="H31" s="36"/>
      <c r="I31" s="36"/>
      <c r="J31" s="36"/>
      <c r="K31" s="36"/>
      <c r="L31" s="36"/>
      <c r="M31" s="36"/>
      <c r="N31" s="36"/>
      <c r="O31" s="36"/>
      <c r="P31" s="36"/>
      <c r="Q31" s="36"/>
      <c r="R31" s="36"/>
      <c r="S31" s="36"/>
      <c r="T31" s="36"/>
      <c r="U31" s="36"/>
      <c r="V31" s="36"/>
      <c r="W31" s="36"/>
      <c r="X31" s="36"/>
      <c r="Y31" s="36"/>
      <c r="Z31" s="36"/>
      <c r="AA31" s="36"/>
      <c r="AB31" s="36"/>
      <c r="AC31" s="36"/>
      <c r="AD31" s="36"/>
      <c r="AE31" s="36"/>
      <c r="AF31" s="36"/>
    </row>
    <row r="32" spans="1:32">
      <c r="B32" s="37" t="s">
        <v>30</v>
      </c>
      <c r="E32" s="36"/>
      <c r="F32" s="36"/>
      <c r="G32" s="36"/>
      <c r="H32" s="36"/>
      <c r="I32" s="36"/>
      <c r="J32" s="36"/>
      <c r="K32" s="36"/>
      <c r="L32" s="36"/>
      <c r="M32" s="36"/>
      <c r="N32" s="36"/>
      <c r="O32" s="36"/>
      <c r="P32" s="36"/>
      <c r="Q32" s="36"/>
      <c r="R32" s="36"/>
      <c r="S32" s="36"/>
      <c r="T32" s="36"/>
      <c r="U32" s="36"/>
      <c r="V32" s="36"/>
      <c r="W32" s="36"/>
      <c r="X32" s="36"/>
      <c r="Y32" s="36"/>
      <c r="AA32" s="36"/>
      <c r="AB32" s="38"/>
      <c r="AC32" s="38"/>
      <c r="AD32" s="38"/>
      <c r="AE32" s="38"/>
      <c r="AF32" s="38"/>
    </row>
    <row r="33" spans="2:2">
      <c r="B33" s="37" t="s">
        <v>31</v>
      </c>
    </row>
  </sheetData>
  <mergeCells count="27">
    <mergeCell ref="M6:O6"/>
    <mergeCell ref="R6:T6"/>
    <mergeCell ref="M1:W1"/>
    <mergeCell ref="K3:O3"/>
    <mergeCell ref="P3:T3"/>
    <mergeCell ref="M5:O5"/>
    <mergeCell ref="R5:T5"/>
    <mergeCell ref="A14:A16"/>
    <mergeCell ref="B14:H14"/>
    <mergeCell ref="I14:AA14"/>
    <mergeCell ref="B15:D16"/>
    <mergeCell ref="E15:G16"/>
    <mergeCell ref="R7:T7"/>
    <mergeCell ref="R8:T8"/>
    <mergeCell ref="M10:O10"/>
    <mergeCell ref="R10:T10"/>
    <mergeCell ref="K12:X12"/>
    <mergeCell ref="AC15:AF16"/>
    <mergeCell ref="I16:L16"/>
    <mergeCell ref="M16:P16"/>
    <mergeCell ref="R16:U16"/>
    <mergeCell ref="V16:Y16"/>
    <mergeCell ref="H15:H16"/>
    <mergeCell ref="I15:Q15"/>
    <mergeCell ref="R15:Z15"/>
    <mergeCell ref="AA15:AA16"/>
    <mergeCell ref="AB15:AB1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07-03T04:29:28Z</dcterms:created>
  <dcterms:modified xsi:type="dcterms:W3CDTF">2019-07-04T00:07:24Z</dcterms:modified>
</cp:coreProperties>
</file>